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ittardgele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0BBC763D-29E5-A9F7-44B6-08F6D1FD984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0684" y="4560411"/>
            <a:ext cx="3392641"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3D512C30-FAA6-B230-AC02-EF57F363958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5260" y="3847786"/>
            <a:ext cx="2358402"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1-08T14:33:53Z</dcterms:modified>
</cp:coreProperties>
</file>